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msocha.MELODY\Downloads\"/>
    </mc:Choice>
  </mc:AlternateContent>
  <bookViews>
    <workbookView xWindow="0" yWindow="0" windowWidth="38400" windowHeight="18100"/>
  </bookViews>
  <sheets>
    <sheet name="Arkusz1" sheetId="1" r:id="rId1"/>
    <sheet name="Arkusz7" sheetId="2" r:id="rId2"/>
  </sheets>
  <externalReferences>
    <externalReference r:id="rId3"/>
  </externalReferences>
  <definedNames>
    <definedName name="Rodzaj_kursu">[1]Slownik!$B$4:$D$4</definedName>
    <definedName name="wybór">Arkusz7!#REF!</definedName>
    <definedName name="zoz_y">Arkusz7!$A$1:$A$30</definedName>
    <definedName name="zozy">Arkusz7!$A$1:$A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2" uniqueCount="64">
  <si>
    <t>FORMULARZ ZGŁOSZENIA NA SZKOLENIE W ZAKRESIE KRWIOLECZNICTWA</t>
  </si>
  <si>
    <t xml:space="preserve">JEDNOSTKA KIERUJĄCA NA SZKOLENIE: </t>
  </si>
  <si>
    <t>wybierz z listy Podmiotów Wykonujących Działalność Leczniczą</t>
  </si>
  <si>
    <t>Lp</t>
  </si>
  <si>
    <t>NAZWISKO</t>
  </si>
  <si>
    <t>IMIĘ</t>
  </si>
  <si>
    <t>NR PRAWA WYKONYWANIA ZAWODU</t>
  </si>
  <si>
    <t>DATA KURSU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Data sporządzenia listy:</t>
  </si>
  <si>
    <t>Dane do faktury 
(tylko dla indywidualnych uczestników)</t>
  </si>
  <si>
    <t>RODZAJ KURSU</t>
  </si>
  <si>
    <t>PODSTAWOWY</t>
  </si>
  <si>
    <t>KLINICZNE CENTRUM GINEKOLOGII, POŁOŻNICTWA I NEONATOLOGII W OPOLU</t>
  </si>
  <si>
    <t>116 SZPITAL WOJSKOWY Z PRZYCHODNIĄ SAMODZIELNY PUBLICZNY ZAKŁAD OPIEKI ZDROWOTNEJ</t>
  </si>
  <si>
    <t>BRZESKIE CENTRUM MEDYCZNE, 49-301 BRZEG, UL. SERGIUSZA MOSSORA 1</t>
  </si>
  <si>
    <t>EMC OZIMEK</t>
  </si>
  <si>
    <t>EUROPEJSKIE SPECJALISTYCZNE CENTRA MEDYCZNE - KORFANTOWSKA ORTOPEDIA I REHABILITACJA "KORT" SPÓŁKA Z OGRANICZONĄ ODPOWIEDZIALNOŚCIĄ</t>
  </si>
  <si>
    <t>KLINIKA NOVA SPÓŁKA Z OGRANICZONĄ ODPOWIEDZIALNOŚCIĄ, 47-206 KĘDZIERZYN-KOŹLE, UL. KŁOSOWA 7</t>
  </si>
  <si>
    <t>KLUCZBORSKIE CENTRUM KARDIOLOGII SCANMED</t>
  </si>
  <si>
    <t>KRAPKOWICKIE CENTRUM ZDROWIA SPÓŁKA Z OGRANICZONĄ ODPOWIEDZIALNOŚCIĄ</t>
  </si>
  <si>
    <t>NAMYSŁOWSKIE CENTRUM ZDROWIA SPÓŁKA Z OGRANICZONĄ ODPOWIEDZIALNOŚCIĄ</t>
  </si>
  <si>
    <t>OPOLSKIE CENTRUM REHABILITACJI W KORFANTOWIE SPÓŁKA Z OGRANICZONĄ ODPOWIEDZIALNOŚCIĄ</t>
  </si>
  <si>
    <t>PAKS KĘDZIERZYN-KOŹLE (AMERICAN HEART OF POLAND)</t>
  </si>
  <si>
    <t>PAKS NYSA (AMERICAN HEART OF POLAND)</t>
  </si>
  <si>
    <t>POWIATOWE CENTRUM ZDROWIA SPÓŁKA AKCYJNA W KLUCZBORKU, 46-200 KLUCZBORK, UL. SKŁODOWSKIEJ-CURIE 23</t>
  </si>
  <si>
    <t>PRUDNICKIE CENTRUM MEDYCZNE SPÓŁKA AKCYJNA W PRUDNIKU, 48-200 PRUDNIK, UL. SZPITALNA 14</t>
  </si>
  <si>
    <t>SAMODZIELNY PUBLICZNY ZAKŁAD OPIEKI ZDROWOTNEJ MINISTERSTWA SPRAW WEWNĘTRZNYCH I ADMINISTRACJI W OPOLU</t>
  </si>
  <si>
    <t>SAMODZIELNY PUBLICZNY ZAKŁAD OPIEKI ZDROWOTNEJ OPOLSKIE CENTRUM ONKOLOGII IM. PROF. TADEUSZA KOSZAROWSKIEGO W OPOLU</t>
  </si>
  <si>
    <t>SAMODZIELNY PUBLICZNY ZAKŁAD OPIEKI ZDROWOTNEJ SZPITAL SPECJALISTYCZNY MINISTERSTWA SPRAW WEWNĘTRZNYCH I ADMINISTRACJI W GŁUCHOŁAZACH IM. ŚW. JANA PAWŁA II</t>
  </si>
  <si>
    <t>SAMODZIELNY PUBLICZNY ZAKŁAD OPIEKI ZDROWOTNEJ,  48-340 GŁUCHOŁAZY, UL. MARII CURIE-SKŁODOWSKIEJ 16</t>
  </si>
  <si>
    <t>SAMODZIELNY PUBLICZNY ZESPÓŁ OPIEKI ZDROWOTNEJ W GŁUBCZYCACH, 48-100 GŁUBCZYCE, UL. SKŁODOWSKIEJ 26</t>
  </si>
  <si>
    <t>SAMODZIELNY PUBLICZNY ZESPÓŁ OPIEKI ZDROWOTNEJ, 47-200 KĘDZIERZYN-KOŹLE, UL. 24 KWIETNIA 5</t>
  </si>
  <si>
    <t>STOBRAWSKIE CENTRUM MEDYCZNE SPÓŁKA Z OGRANICZONĄ ODPOWIEDZIALNOŚCIĄ Z SIEDZIBĄ W KUP</t>
  </si>
  <si>
    <t>SZPITAL POWIATOWY IM. PRAŁATA J. GLOWATZKIEGO W STRZELCACH OPOLSKICH, 47-100 STRZELCE OPOLSKIE, UL. OPOLSKA 36A</t>
  </si>
  <si>
    <t>SZPITAL WOJEWÓDZKI W OPOLU SPÓŁKA Z OGRANICZONĄ ODPOWIEDZIALNOŚCIĄ, 45-372 OPOLE, UL. AUGUSTYNA KOŚNEGO 53</t>
  </si>
  <si>
    <t>UNIWERSYTECKI SZPITAL KLINICZNY W OPOLU, 45-401 OPOLE, UL. ALEJA WINCENTEGO WITOSA 26</t>
  </si>
  <si>
    <t xml:space="preserve">WOJEWÓDZKI SZPITAL SPECJALISTYCZNY IM. ŚW. JADWIGI ŚLĄSKIEJ </t>
  </si>
  <si>
    <t>ZESPÓŁ OPIEKI ZDROWOTNEJ W BIAŁEJ 48-210 BIAŁA, UL. MONIUSZKI 8</t>
  </si>
  <si>
    <t>ZESPÓŁ OPIEKI ZDROWOTNEJ W OLEŚNIE, 46-300 OLESNO, UL. KLONOWA 1</t>
  </si>
  <si>
    <t>ZESPÓŁ OPIEKI ZDROWOTNEJ, 48-300 NYSA, UL. BOHATERÓW WARSZAWY 34</t>
  </si>
  <si>
    <t>VITAL MEDIC SPÓŁKA Z OGRANICZONĄ ODPOWIEDZIALNOŚCIĄ, 46-200 Kluczbork, ul. Skodowskiej-Curie 21</t>
  </si>
  <si>
    <r>
      <t xml:space="preserve">Dane kontaktowe osoby odpowiedzialnej za sporządzoną listę: </t>
    </r>
    <r>
      <rPr>
        <sz val="10"/>
        <color rgb="FFFF0000"/>
        <rFont val="Times New Roman"/>
        <family val="1"/>
        <charset val="238"/>
      </rPr>
      <t>imię i nazwisko, funkcja, nr telefonu, e-mail</t>
    </r>
  </si>
  <si>
    <t>SZKOLENIE PODSTAWOWE W DNIACH 10-11 marzec 2026</t>
  </si>
  <si>
    <t>10.03.2026 i 11.03.202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F800]dddd\,\ mmmm\ dd\,\ yyyy"/>
  </numFmts>
  <fonts count="16">
    <font>
      <sz val="10"/>
      <color rgb="FF000000"/>
      <name val="Times New Roman"/>
      <charset val="238"/>
    </font>
    <font>
      <sz val="11"/>
      <color theme="1"/>
      <name val="Calibri"/>
      <family val="2"/>
      <charset val="238"/>
      <scheme val="minor"/>
    </font>
    <font>
      <sz val="12"/>
      <color rgb="FF000000"/>
      <name val="Tahoma"/>
      <family val="2"/>
      <charset val="238"/>
    </font>
    <font>
      <b/>
      <sz val="10"/>
      <color rgb="FF000000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rgb="FF000000"/>
      <name val="Tahoma"/>
      <family val="2"/>
      <charset val="238"/>
    </font>
    <font>
      <sz val="12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sz val="12"/>
      <color rgb="FFFF0000"/>
      <name val="Tahoma"/>
      <family val="2"/>
      <charset val="238"/>
    </font>
    <font>
      <i/>
      <sz val="10"/>
      <name val="Times New Roman"/>
      <family val="1"/>
      <charset val="238"/>
    </font>
    <font>
      <sz val="12"/>
      <color rgb="FF000000"/>
      <name val="Calibri"/>
      <family val="2"/>
      <charset val="238"/>
      <scheme val="minor"/>
    </font>
    <font>
      <sz val="10"/>
      <color rgb="FFFF0000"/>
      <name val="Times New Roman"/>
      <family val="1"/>
      <charset val="238"/>
    </font>
    <font>
      <sz val="11"/>
      <color theme="1"/>
      <name val="Czcionka tekstu podstawowego"/>
      <family val="2"/>
      <charset val="238"/>
    </font>
    <font>
      <sz val="11"/>
      <color rgb="FF000000"/>
      <name val="Calibri"/>
      <family val="2"/>
      <charset val="238"/>
    </font>
    <font>
      <b/>
      <sz val="10"/>
      <color rgb="FFFF0000"/>
      <name val="Times New Roman"/>
      <family val="1"/>
      <charset val="238"/>
    </font>
    <font>
      <sz val="8"/>
      <name val="Times New Roman"/>
      <family val="1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2" fillId="0" borderId="0"/>
    <xf numFmtId="0" fontId="4" fillId="0" borderId="0"/>
  </cellStyleXfs>
  <cellXfs count="27">
    <xf numFmtId="0" fontId="0" fillId="0" borderId="0" xfId="0"/>
    <xf numFmtId="0" fontId="2" fillId="0" borderId="0" xfId="0" applyFont="1" applyAlignment="1">
      <alignment horizontal="left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left" wrapText="1"/>
    </xf>
    <xf numFmtId="0" fontId="7" fillId="0" borderId="2" xfId="0" applyFont="1" applyBorder="1" applyAlignment="1">
      <alignment horizontal="left"/>
    </xf>
    <xf numFmtId="0" fontId="8" fillId="0" borderId="0" xfId="0" applyFont="1" applyAlignment="1">
      <alignment horizontal="left"/>
    </xf>
    <xf numFmtId="0" fontId="4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" fillId="0" borderId="2" xfId="1" applyFont="1" applyBorder="1" applyAlignment="1">
      <alignment wrapText="1"/>
    </xf>
    <xf numFmtId="0" fontId="12" fillId="0" borderId="0" xfId="1"/>
    <xf numFmtId="0" fontId="13" fillId="0" borderId="3" xfId="2" applyFont="1" applyBorder="1" applyAlignment="1">
      <alignment vertical="center" wrapText="1"/>
    </xf>
    <xf numFmtId="0" fontId="13" fillId="0" borderId="4" xfId="2" applyFont="1" applyBorder="1" applyAlignment="1">
      <alignment vertical="center" wrapText="1"/>
    </xf>
    <xf numFmtId="0" fontId="12" fillId="0" borderId="0" xfId="1" applyAlignment="1">
      <alignment wrapText="1"/>
    </xf>
    <xf numFmtId="0" fontId="15" fillId="0" borderId="2" xfId="0" applyFont="1" applyBorder="1" applyAlignment="1">
      <alignment horizontal="left"/>
    </xf>
    <xf numFmtId="0" fontId="15" fillId="0" borderId="2" xfId="0" applyFont="1" applyBorder="1" applyAlignment="1">
      <alignment horizontal="center"/>
    </xf>
    <xf numFmtId="0" fontId="4" fillId="0" borderId="0" xfId="0" applyFont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14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164" fontId="2" fillId="0" borderId="2" xfId="0" applyNumberFormat="1" applyFont="1" applyBorder="1" applyAlignment="1">
      <alignment horizontal="center"/>
    </xf>
    <xf numFmtId="0" fontId="10" fillId="0" borderId="2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top" wrapText="1"/>
    </xf>
  </cellXfs>
  <cellStyles count="3">
    <cellStyle name="Normalny" xfId="0" builtinId="0"/>
    <cellStyle name="Normalny 2" xfId="1"/>
    <cellStyle name="Normalny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13361</xdr:colOff>
      <xdr:row>0</xdr:row>
      <xdr:rowOff>22860</xdr:rowOff>
    </xdr:from>
    <xdr:to>
      <xdr:col>1</xdr:col>
      <xdr:colOff>1133618</xdr:colOff>
      <xdr:row>3</xdr:row>
      <xdr:rowOff>48514</xdr:rowOff>
    </xdr:to>
    <xdr:pic>
      <xdr:nvPicPr>
        <xdr:cNvPr id="2" name="Obraz 1">
          <a:extLst>
            <a:ext uri="{FF2B5EF4-FFF2-40B4-BE49-F238E27FC236}">
              <a16:creationId xmlns:a16="http://schemas.microsoft.com/office/drawing/2014/main" xmlns="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6761" y="22860"/>
          <a:ext cx="920257" cy="9000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2022\szkolenia-zewnetrzne\Users\asia\Documents\moje%20dokumenty\6.%20szkolenie\1.Szkolenie%20piel&#281;gniarek%20czer2021\Formularz%20zg&#322;oszenia%20na%20szkolenie%20z%20zakresu%20krwiolecznictw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Slownik"/>
      <sheetName val="Arkusz7"/>
    </sheetNames>
    <sheetDataSet>
      <sheetData sheetId="0"/>
      <sheetData sheetId="1">
        <row r="4">
          <cell r="B4" t="str">
            <v>Wybierz_z_listy</v>
          </cell>
          <cell r="C4" t="str">
            <v>Podstawowy</v>
          </cell>
          <cell r="D4" t="str">
            <v>Uzupełniający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MI36"/>
  <sheetViews>
    <sheetView tabSelected="1" zoomScale="130" zoomScaleNormal="130" workbookViewId="0">
      <selection activeCell="J21" sqref="J21"/>
    </sheetView>
  </sheetViews>
  <sheetFormatPr defaultRowHeight="15"/>
  <cols>
    <col min="1" max="1" width="7.09765625" customWidth="1"/>
    <col min="2" max="2" width="25.19921875" style="1" customWidth="1"/>
    <col min="3" max="3" width="21.3984375" style="1" customWidth="1"/>
    <col min="4" max="4" width="17.3984375" style="1" customWidth="1"/>
    <col min="5" max="5" width="22.796875" style="1" customWidth="1"/>
    <col min="6" max="6" width="27.3984375" style="1" customWidth="1"/>
    <col min="7" max="7" width="15" style="1" customWidth="1"/>
    <col min="8" max="1022" width="9.296875" style="1"/>
  </cols>
  <sheetData>
    <row r="2" spans="1:1023">
      <c r="C2" s="22"/>
      <c r="D2" s="22"/>
      <c r="E2" s="22"/>
    </row>
    <row r="3" spans="1:1023" ht="39" customHeight="1">
      <c r="C3" s="26" t="s">
        <v>0</v>
      </c>
      <c r="D3" s="26"/>
      <c r="E3" s="26"/>
    </row>
    <row r="4" spans="1:1023">
      <c r="C4" s="18" t="s">
        <v>62</v>
      </c>
      <c r="D4" s="18"/>
      <c r="E4" s="18"/>
    </row>
    <row r="7" spans="1:1023" ht="45" customHeight="1">
      <c r="A7" s="23" t="s">
        <v>1</v>
      </c>
      <c r="B7" s="23"/>
      <c r="C7" s="24"/>
      <c r="D7" s="25"/>
      <c r="E7" s="25"/>
    </row>
    <row r="10" spans="1:1023" s="1" customFormat="1" ht="86.25" customHeight="1">
      <c r="A10" s="2" t="s">
        <v>3</v>
      </c>
      <c r="B10" s="2" t="s">
        <v>4</v>
      </c>
      <c r="C10" s="3" t="s">
        <v>5</v>
      </c>
      <c r="D10" s="2" t="s">
        <v>6</v>
      </c>
      <c r="E10" s="2" t="s">
        <v>30</v>
      </c>
      <c r="F10" s="2" t="s">
        <v>7</v>
      </c>
      <c r="AMH10"/>
      <c r="AMI10"/>
    </row>
    <row r="11" spans="1:1023" s="1" customFormat="1" ht="15.5">
      <c r="A11" s="3" t="s">
        <v>8</v>
      </c>
      <c r="B11" s="4"/>
      <c r="C11" s="4"/>
      <c r="D11" s="4"/>
      <c r="E11" s="15" t="s">
        <v>31</v>
      </c>
      <c r="F11" s="15" t="s">
        <v>63</v>
      </c>
      <c r="AMH11"/>
      <c r="AMI11"/>
    </row>
    <row r="12" spans="1:1023" s="1" customFormat="1" ht="15.5">
      <c r="A12" s="3" t="s">
        <v>9</v>
      </c>
      <c r="B12" s="5"/>
      <c r="C12" s="5"/>
      <c r="D12" s="5"/>
      <c r="E12" s="15" t="s">
        <v>31</v>
      </c>
      <c r="F12" s="15" t="s">
        <v>63</v>
      </c>
      <c r="AMH12"/>
      <c r="AMI12"/>
    </row>
    <row r="13" spans="1:1023" s="6" customFormat="1" ht="15.5">
      <c r="A13" s="3" t="s">
        <v>10</v>
      </c>
      <c r="B13" s="4"/>
      <c r="C13" s="4"/>
      <c r="D13" s="4"/>
      <c r="E13" s="15" t="s">
        <v>31</v>
      </c>
      <c r="F13" s="15" t="s">
        <v>63</v>
      </c>
    </row>
    <row r="14" spans="1:1023" s="6" customFormat="1" ht="15.5">
      <c r="A14" s="3" t="s">
        <v>11</v>
      </c>
      <c r="B14" s="5"/>
      <c r="C14" s="5"/>
      <c r="D14" s="5"/>
      <c r="E14" s="15" t="s">
        <v>31</v>
      </c>
      <c r="F14" s="15" t="s">
        <v>63</v>
      </c>
    </row>
    <row r="15" spans="1:1023" s="1" customFormat="1" ht="15.5">
      <c r="A15" s="3" t="s">
        <v>12</v>
      </c>
      <c r="B15" s="4"/>
      <c r="C15" s="4"/>
      <c r="D15" s="4"/>
      <c r="E15" s="15" t="s">
        <v>31</v>
      </c>
      <c r="F15" s="15" t="s">
        <v>63</v>
      </c>
      <c r="AMH15"/>
      <c r="AMI15"/>
    </row>
    <row r="16" spans="1:1023" s="1" customFormat="1" ht="15.5">
      <c r="A16" s="3" t="s">
        <v>13</v>
      </c>
      <c r="B16" s="4"/>
      <c r="C16" s="4"/>
      <c r="D16" s="4"/>
      <c r="E16" s="15" t="s">
        <v>31</v>
      </c>
      <c r="F16" s="15" t="s">
        <v>63</v>
      </c>
      <c r="AMH16"/>
      <c r="AMI16"/>
    </row>
    <row r="17" spans="1:1023" s="1" customFormat="1" ht="15.5">
      <c r="A17" s="3" t="s">
        <v>14</v>
      </c>
      <c r="B17" s="4"/>
      <c r="C17" s="4"/>
      <c r="D17" s="4"/>
      <c r="E17" s="15" t="s">
        <v>31</v>
      </c>
      <c r="F17" s="15" t="s">
        <v>63</v>
      </c>
      <c r="AMH17"/>
      <c r="AMI17"/>
    </row>
    <row r="18" spans="1:1023" s="1" customFormat="1" ht="15.5">
      <c r="A18" s="3" t="s">
        <v>15</v>
      </c>
      <c r="B18" s="4"/>
      <c r="C18" s="4"/>
      <c r="D18" s="4"/>
      <c r="E18" s="15" t="s">
        <v>31</v>
      </c>
      <c r="F18" s="15" t="s">
        <v>63</v>
      </c>
      <c r="AMH18"/>
      <c r="AMI18"/>
    </row>
    <row r="19" spans="1:1023" s="1" customFormat="1" ht="15.5">
      <c r="A19" s="3" t="s">
        <v>16</v>
      </c>
      <c r="B19" s="4"/>
      <c r="C19" s="4"/>
      <c r="D19" s="4"/>
      <c r="E19" s="15" t="s">
        <v>31</v>
      </c>
      <c r="F19" s="15" t="s">
        <v>63</v>
      </c>
      <c r="AMH19"/>
      <c r="AMI19"/>
    </row>
    <row r="20" spans="1:1023" s="1" customFormat="1" ht="15.5">
      <c r="A20" s="3" t="s">
        <v>17</v>
      </c>
      <c r="B20" s="4"/>
      <c r="C20" s="4"/>
      <c r="D20" s="4"/>
      <c r="E20" s="15" t="s">
        <v>31</v>
      </c>
      <c r="F20" s="15" t="s">
        <v>63</v>
      </c>
      <c r="AMH20"/>
      <c r="AMI20"/>
    </row>
    <row r="21" spans="1:1023" s="1" customFormat="1" ht="15.5">
      <c r="A21" s="3" t="s">
        <v>18</v>
      </c>
      <c r="B21" s="4"/>
      <c r="C21" s="4"/>
      <c r="D21" s="4"/>
      <c r="E21" s="15" t="s">
        <v>31</v>
      </c>
      <c r="F21" s="15" t="s">
        <v>63</v>
      </c>
      <c r="AMH21"/>
      <c r="AMI21"/>
    </row>
    <row r="22" spans="1:1023" s="1" customFormat="1" ht="15.5">
      <c r="A22" s="3" t="s">
        <v>19</v>
      </c>
      <c r="B22" s="4"/>
      <c r="C22" s="4"/>
      <c r="D22" s="4"/>
      <c r="E22" s="15" t="s">
        <v>31</v>
      </c>
      <c r="F22" s="15" t="s">
        <v>63</v>
      </c>
      <c r="AMH22"/>
      <c r="AMI22"/>
    </row>
    <row r="23" spans="1:1023" s="1" customFormat="1" ht="15.5">
      <c r="A23" s="3" t="s">
        <v>20</v>
      </c>
      <c r="B23" s="4"/>
      <c r="C23" s="4"/>
      <c r="D23" s="4"/>
      <c r="E23" s="15" t="s">
        <v>31</v>
      </c>
      <c r="F23" s="15" t="s">
        <v>63</v>
      </c>
      <c r="AMH23"/>
      <c r="AMI23"/>
    </row>
    <row r="24" spans="1:1023" s="1" customFormat="1" ht="15.5">
      <c r="A24" s="3" t="s">
        <v>21</v>
      </c>
      <c r="B24" s="4"/>
      <c r="C24" s="4"/>
      <c r="D24" s="4"/>
      <c r="E24" s="15" t="s">
        <v>31</v>
      </c>
      <c r="F24" s="15" t="s">
        <v>63</v>
      </c>
      <c r="AMH24"/>
      <c r="AMI24"/>
    </row>
    <row r="25" spans="1:1023" s="1" customFormat="1" ht="15.5">
      <c r="A25" s="3" t="s">
        <v>22</v>
      </c>
      <c r="B25" s="4"/>
      <c r="C25" s="4"/>
      <c r="D25" s="4"/>
      <c r="E25" s="15" t="s">
        <v>31</v>
      </c>
      <c r="F25" s="15" t="s">
        <v>63</v>
      </c>
      <c r="AMH25"/>
      <c r="AMI25"/>
    </row>
    <row r="26" spans="1:1023" s="1" customFormat="1" ht="15.5">
      <c r="A26" s="3" t="s">
        <v>23</v>
      </c>
      <c r="B26" s="4"/>
      <c r="C26" s="4"/>
      <c r="D26" s="4"/>
      <c r="E26" s="15" t="s">
        <v>31</v>
      </c>
      <c r="F26" s="15" t="s">
        <v>63</v>
      </c>
      <c r="AMH26"/>
      <c r="AMI26"/>
    </row>
    <row r="27" spans="1:1023" s="1" customFormat="1" ht="15.5">
      <c r="A27" s="3" t="s">
        <v>24</v>
      </c>
      <c r="B27" s="5"/>
      <c r="C27" s="5"/>
      <c r="D27" s="5"/>
      <c r="E27" s="15" t="s">
        <v>31</v>
      </c>
      <c r="F27" s="15" t="s">
        <v>63</v>
      </c>
      <c r="AMH27"/>
      <c r="AMI27"/>
    </row>
    <row r="28" spans="1:1023" s="1" customFormat="1" ht="15.5">
      <c r="A28" s="3" t="s">
        <v>25</v>
      </c>
      <c r="B28" s="5"/>
      <c r="C28" s="5"/>
      <c r="D28" s="5"/>
      <c r="E28" s="15" t="s">
        <v>31</v>
      </c>
      <c r="F28" s="15" t="s">
        <v>63</v>
      </c>
      <c r="AMH28"/>
      <c r="AMI28"/>
    </row>
    <row r="29" spans="1:1023" s="1" customFormat="1" ht="15.5">
      <c r="A29" s="3" t="s">
        <v>26</v>
      </c>
      <c r="B29" s="4"/>
      <c r="C29" s="4"/>
      <c r="D29" s="4"/>
      <c r="E29" s="15" t="s">
        <v>31</v>
      </c>
      <c r="F29" s="15" t="s">
        <v>63</v>
      </c>
      <c r="AMH29"/>
      <c r="AMI29"/>
    </row>
    <row r="30" spans="1:1023" s="1" customFormat="1" ht="15.5">
      <c r="A30" s="3" t="s">
        <v>27</v>
      </c>
      <c r="B30" s="4"/>
      <c r="C30" s="4"/>
      <c r="D30" s="4"/>
      <c r="E30" s="15" t="s">
        <v>31</v>
      </c>
      <c r="F30" s="15" t="s">
        <v>63</v>
      </c>
      <c r="AMH30"/>
      <c r="AMI30"/>
    </row>
    <row r="31" spans="1:1023" s="1" customFormat="1">
      <c r="A31" s="7"/>
      <c r="F31" s="14"/>
      <c r="G31" s="15"/>
    </row>
    <row r="32" spans="1:1023" s="1" customFormat="1" ht="48.65" customHeight="1">
      <c r="A32" s="16" t="s">
        <v>61</v>
      </c>
      <c r="B32" s="16"/>
      <c r="C32" s="17"/>
      <c r="D32" s="19"/>
      <c r="E32" s="19"/>
      <c r="F32" s="19"/>
      <c r="G32" s="19"/>
    </row>
    <row r="33" spans="1:7" s="1" customFormat="1" ht="29.4" customHeight="1">
      <c r="A33" s="16" t="s">
        <v>28</v>
      </c>
      <c r="B33" s="16"/>
      <c r="C33" s="17"/>
      <c r="D33" s="20"/>
      <c r="E33" s="20"/>
      <c r="F33" s="20"/>
      <c r="G33" s="20"/>
    </row>
    <row r="34" spans="1:7" s="1" customFormat="1" ht="31.25" customHeight="1">
      <c r="A34" s="16" t="s">
        <v>29</v>
      </c>
      <c r="B34" s="16"/>
      <c r="C34" s="17"/>
      <c r="D34" s="21"/>
      <c r="E34" s="21"/>
      <c r="F34" s="21"/>
      <c r="G34" s="21"/>
    </row>
    <row r="35" spans="1:7" s="1" customFormat="1" ht="14.4" customHeight="1">
      <c r="A35"/>
      <c r="B35" s="8"/>
    </row>
    <row r="36" spans="1:7" s="1" customFormat="1" ht="14.4" customHeight="1">
      <c r="A36"/>
      <c r="B36" s="8"/>
    </row>
  </sheetData>
  <dataConsolidate/>
  <mergeCells count="11">
    <mergeCell ref="C2:E2"/>
    <mergeCell ref="A7:C7"/>
    <mergeCell ref="D7:E7"/>
    <mergeCell ref="A32:C32"/>
    <mergeCell ref="A33:C33"/>
    <mergeCell ref="C3:E3"/>
    <mergeCell ref="A34:C34"/>
    <mergeCell ref="C4:E4"/>
    <mergeCell ref="D32:G32"/>
    <mergeCell ref="D33:G33"/>
    <mergeCell ref="D34:G34"/>
  </mergeCells>
  <dataValidations count="4">
    <dataValidation allowBlank="1" showInputMessage="1" showErrorMessage="1" promptTitle="Tutaj proszę wpisać" prompt="dane do wystawienia faktury dla uczestników indywidualnych  nie zgłoszonych przez placówkę z listy Podmiotów Wykonujących Działalność Leczniczą" sqref="D34"/>
    <dataValidation allowBlank="1" showInputMessage="1" showErrorMessage="1" promptTitle="Tutaj proszę wpisać" prompt="datę wypełnienia formularza" sqref="D33"/>
    <dataValidation allowBlank="1" showInputMessage="1" showErrorMessage="1" promptTitle="Tutaj proszę wpisać" prompt="dane kontaktowe osoby odpowiedzialnej za sporządzoną listę" sqref="D32"/>
    <dataValidation type="list" allowBlank="1" showInputMessage="1" showErrorMessage="1" promptTitle="wybierz z listy" sqref="D7:E7">
      <formula1>zoz_y</formula1>
    </dataValidation>
  </dataValidations>
  <pageMargins left="0.7" right="0.7" top="0.75" bottom="0.75" header="0.51180555555555496" footer="0.51180555555555496"/>
  <pageSetup paperSize="9" firstPageNumber="0" orientation="landscape" horizontalDpi="300" verticalDpi="30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0"/>
  <sheetViews>
    <sheetView workbookViewId="0">
      <selection activeCell="A5" sqref="A5"/>
    </sheetView>
  </sheetViews>
  <sheetFormatPr defaultColWidth="8.796875" defaultRowHeight="14"/>
  <cols>
    <col min="1" max="1" width="116.3984375" style="13" customWidth="1"/>
    <col min="2" max="16384" width="8.796875" style="10"/>
  </cols>
  <sheetData>
    <row r="1" spans="1:1" ht="15" thickBot="1">
      <c r="A1" s="9" t="s">
        <v>2</v>
      </c>
    </row>
    <row r="2" spans="1:1" ht="15" thickBot="1">
      <c r="A2" s="11" t="s">
        <v>33</v>
      </c>
    </row>
    <row r="3" spans="1:1" ht="15" thickBot="1">
      <c r="A3" s="12" t="s">
        <v>34</v>
      </c>
    </row>
    <row r="4" spans="1:1" ht="15" thickBot="1">
      <c r="A4" s="12" t="s">
        <v>35</v>
      </c>
    </row>
    <row r="5" spans="1:1" ht="29.5" thickBot="1">
      <c r="A5" s="12" t="s">
        <v>36</v>
      </c>
    </row>
    <row r="6" spans="1:1" ht="15" thickBot="1">
      <c r="A6" s="12" t="s">
        <v>32</v>
      </c>
    </row>
    <row r="7" spans="1:1" ht="15" thickBot="1">
      <c r="A7" s="12" t="s">
        <v>37</v>
      </c>
    </row>
    <row r="8" spans="1:1" ht="15" thickBot="1">
      <c r="A8" s="12" t="s">
        <v>38</v>
      </c>
    </row>
    <row r="9" spans="1:1" ht="15" thickBot="1">
      <c r="A9" s="12" t="s">
        <v>39</v>
      </c>
    </row>
    <row r="10" spans="1:1" ht="15" thickBot="1">
      <c r="A10" s="12" t="s">
        <v>40</v>
      </c>
    </row>
    <row r="11" spans="1:1" ht="15" thickBot="1">
      <c r="A11" s="12" t="s">
        <v>41</v>
      </c>
    </row>
    <row r="12" spans="1:1" ht="15" thickBot="1">
      <c r="A12" s="12" t="s">
        <v>42</v>
      </c>
    </row>
    <row r="13" spans="1:1" ht="15" thickBot="1">
      <c r="A13" s="12" t="s">
        <v>43</v>
      </c>
    </row>
    <row r="14" spans="1:1" ht="15" thickBot="1">
      <c r="A14" s="12" t="s">
        <v>44</v>
      </c>
    </row>
    <row r="15" spans="1:1" ht="15" thickBot="1">
      <c r="A15" s="12" t="s">
        <v>45</v>
      </c>
    </row>
    <row r="16" spans="1:1" ht="29.5" thickBot="1">
      <c r="A16" s="12" t="s">
        <v>46</v>
      </c>
    </row>
    <row r="17" spans="1:1" ht="29.5" thickBot="1">
      <c r="A17" s="12" t="s">
        <v>47</v>
      </c>
    </row>
    <row r="18" spans="1:1" ht="29.5" thickBot="1">
      <c r="A18" s="12" t="s">
        <v>48</v>
      </c>
    </row>
    <row r="19" spans="1:1" ht="15" thickBot="1">
      <c r="A19" s="12" t="s">
        <v>49</v>
      </c>
    </row>
    <row r="20" spans="1:1" ht="15" thickBot="1">
      <c r="A20" s="12" t="s">
        <v>50</v>
      </c>
    </row>
    <row r="21" spans="1:1" ht="15" thickBot="1">
      <c r="A21" s="12" t="s">
        <v>51</v>
      </c>
    </row>
    <row r="22" spans="1:1" ht="15" thickBot="1">
      <c r="A22" s="12" t="s">
        <v>52</v>
      </c>
    </row>
    <row r="23" spans="1:1" ht="29.5" thickBot="1">
      <c r="A23" s="12" t="s">
        <v>53</v>
      </c>
    </row>
    <row r="24" spans="1:1" ht="29.5" thickBot="1">
      <c r="A24" s="12" t="s">
        <v>54</v>
      </c>
    </row>
    <row r="25" spans="1:1" ht="15" thickBot="1">
      <c r="A25" s="12" t="s">
        <v>55</v>
      </c>
    </row>
    <row r="26" spans="1:1" ht="15" thickBot="1">
      <c r="A26" s="12" t="s">
        <v>56</v>
      </c>
    </row>
    <row r="27" spans="1:1" ht="15" thickBot="1">
      <c r="A27" s="12" t="s">
        <v>57</v>
      </c>
    </row>
    <row r="28" spans="1:1" ht="15" thickBot="1">
      <c r="A28" s="12" t="s">
        <v>58</v>
      </c>
    </row>
    <row r="29" spans="1:1" ht="15" thickBot="1">
      <c r="A29" s="12" t="s">
        <v>59</v>
      </c>
    </row>
    <row r="30" spans="1:1" ht="15" thickBot="1">
      <c r="A30" s="12" t="s">
        <v>60</v>
      </c>
    </row>
  </sheetData>
  <sheetProtection password="9FBF" sheet="1" objects="1" scenarios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2</vt:i4>
      </vt:variant>
      <vt:variant>
        <vt:lpstr>Zakresy nazwane</vt:lpstr>
      </vt:variant>
      <vt:variant>
        <vt:i4>2</vt:i4>
      </vt:variant>
    </vt:vector>
  </HeadingPairs>
  <TitlesOfParts>
    <vt:vector size="4" baseType="lpstr">
      <vt:lpstr>Arkusz1</vt:lpstr>
      <vt:lpstr>Arkusz7</vt:lpstr>
      <vt:lpstr>zoz_y</vt:lpstr>
      <vt:lpstr>zozy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Niedziela</dc:creator>
  <cp:lastModifiedBy>Maciej Socha</cp:lastModifiedBy>
  <dcterms:created xsi:type="dcterms:W3CDTF">2022-04-22T07:46:44Z</dcterms:created>
  <dcterms:modified xsi:type="dcterms:W3CDTF">2026-01-28T12:56:06Z</dcterms:modified>
</cp:coreProperties>
</file>